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hyperlink" Target="javascript:window.open('/next_lesson/7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 smtClean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Conclusion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800" b="1" i="0" u="none" strike="noStrike" dirty="0">
              <a:solidFill>
                <a:srgbClr val="000000"/>
              </a:solidFill>
              <a:effectLst/>
            </a:endParaRP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31134" y="1299361"/>
            <a:ext cx="2986637" cy="91262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99357" y="1044528"/>
            <a:ext cx="2986637" cy="91262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44462" y="1528167"/>
            <a:ext cx="3368268" cy="10292452"/>
          </a:xfrm>
          <a:prstGeom prst="rect">
            <a:avLst/>
          </a:prstGeom>
        </p:spPr>
      </p:pic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4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58665" y="433885"/>
            <a:ext cx="3368268" cy="1029245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 advClick="0"/>
    </mc:Choice>
    <mc:Fallback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psea\en\lessons\conclusion\"/>
  <p:tag name="ISPRING_PRESENTATION_PATH" val="C:\Users\hp\Desktop\Projects\Nabad\Nabad\psea\en\lessons\conclusion.pptx"/>
  <p:tag name="ISPRING_SCREEN_RECS_UPDATED" val="C:\Users\hp\Desktop\Projects\Nabad\Nabad\psea\en\lessons\conclus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ULTRA_SCORM_COURCE_TITLE" val="conclusion"/>
  <p:tag name="ISPRING_PRESENTATION_TITLE" val="conclusion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GENSWF_SLIDE_UID" val="{17671440-36C3-4252-A5C6-AFF69149A719}:352"/>
  <p:tag name="ISPRING_QUIZ_FULL_PATH" val="C:\Users\hp\Desktop\Projects\Nabad\Nabad\psea\en\lessons\conclusion\quiz\quiz2.quiz"/>
  <p:tag name="ISPRING_QUIZ_RELATIVE_PATH" val="conclusion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83</TotalTime>
  <Words>19</Words>
  <Application>Microsoft Office PowerPoint</Application>
  <PresentationFormat>Widescreen</PresentationFormat>
  <Paragraphs>9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onclusion</dc:title>
  <dc:creator>pc</dc:creator>
  <cp:lastModifiedBy>Maher</cp:lastModifiedBy>
  <cp:revision>795</cp:revision>
  <dcterms:created xsi:type="dcterms:W3CDTF">2022-11-16T16:05:09Z</dcterms:created>
  <dcterms:modified xsi:type="dcterms:W3CDTF">2024-09-19T06:29:05Z</dcterms:modified>
</cp:coreProperties>
</file>